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9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Autho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551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756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8/10/relationships/authors" Target="authors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C3C585-8A19-4B50-9B97-49BEFE89017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1813E25-3679-4A2C-B0D7-BB5DA6A89F2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37E160-6D92-451A-9C10-70AC19A8F1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2D44A4-3CCB-4D43-80C5-C9AA6E3368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96C2CE-C819-4048-BDC7-34A7EBF29D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90708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9EBFE35-20EF-434B-8A23-EDFD7CAFAA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5F5D71F-7813-47FB-B6FF-F8EDE12910E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9E1333A-E7C9-4B5F-B0F2-67617528E2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9341CC3-4423-456C-AC94-2D7B36BF7E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3B5EEDC-E321-4141-A64B-7EFF42AFC8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288263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94EC4E9-4B6E-4443-93E1-1FF17A11800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F4DB6A4-CCFC-42B6-B0F3-C34FCDFBDBE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1BE61E-C7F1-4F8D-A070-11829EB042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D6E250-8E90-4656-9608-E2797B8750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99FAD1-83E8-49CC-8468-58AD13F53D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63368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40D83B-DC63-4653-BC79-8D50E3C297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08E481E-C8D9-4E34-9FD9-87E911C71CB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1566DE-6EDA-4DA3-A03A-B4E738D111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893824-CF2F-419A-B3C9-394E0A401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95890AB-16E9-4C89-8CE2-07BB8034BB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71471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419AAD-97AE-472D-9719-5301852413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C77E174-D242-4DB2-9545-7F1A049D911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08D9E3-CCF6-4108-A9AC-25E15A44C7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847738-EDA8-49A1-9752-1679269F7E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87DE97A-ABA8-4AF5-BB0C-D5E0958713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505882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FA2C60-4D4D-407E-A89E-3273D5672D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9D56F3-9683-4E5B-86FC-AA205064FEF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4C3FC93-CD5A-421C-8CBE-9EC30792768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665C2F-3975-4345-96D7-0822570EF3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3F52556-A75C-4215-95AA-D550DEF5F2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68371A-34BE-4C15-9BDE-9850BE285E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75354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AEDBC3-1A7B-47CB-A583-B966831836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7E95A4-3A23-4985-9B7A-93560196424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A224AC9-36AA-44AF-9228-EEC83414C5D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E9AC06F-F03C-425E-AC6B-09F2F721F5A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4907F05-8073-4E89-9529-F7ED4227CB2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C933E7F-728A-4209-8840-8CCED5D323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1F41E74-BBA7-4F2A-AACF-9D15FDB1F9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30BF1A0-7669-48D7-9CED-56816148BA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99780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851E20-53D6-4ABB-9C72-DC0D76673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33A3704-0D14-4E1C-9720-D67B5FCABA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7D6EE53-B73C-4FC2-87A4-5013A9966F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D3DCAE8-E525-4FDE-B0BD-EFE3A5C8C7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74577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10B6A60-273C-4EEF-9F71-1AE2B59FCD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CD0D926-B5EE-4D5B-9426-12965842CC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7BCD84-29B2-46BE-8C46-94E57B7F32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77436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1C7320-3BFA-4DDD-8371-900522E258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59B4C3-0DCE-45BA-A702-98018107D07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B81C5FD-77B2-45DF-9512-F27E1EC05E4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2C3BAF-C4BB-4A92-AF6B-B622EA350F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85648C1-E2C8-48C3-9CD8-D5DF07A5EE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163D43-9956-4B20-B124-EEDD9D4C6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14018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F81AA6-CBB7-4AF8-819B-86850022BE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C437B14-93E9-4E17-B362-662C6771E73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B834CF-B883-4F6C-9122-F68876B4008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1B31D5-2115-4852-99DC-8305C20846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325C91F-4631-4BD3-B577-F610313A39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6693245-73E9-422E-83B2-1050C38EAE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62109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4BB9AB-9DA9-42DD-B00F-6AF15E2222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71DA990-769C-4F79-A8D9-9D0F16E4913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7E95E6-CC9C-48BD-B498-0079EC6D617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0D35A4-DE40-4749-8E65-591A8326E99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B126772-AD65-477D-9DA6-21654E97085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ADC91E-4CFE-419D-9A94-A0FB91CBE37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210B4E-F0CF-48FB-83EF-A9B39FF4B9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15978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67602948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OTLSHAPE_SL_15b2043e84584734a4ca49759bd0647f_BackgroundRectangle">
            <a:extLst>
              <a:ext uri="{FF2B5EF4-FFF2-40B4-BE49-F238E27FC236}">
                <a16:creationId xmlns:a16="http://schemas.microsoft.com/office/drawing/2014/main" id="{B60AAE1C-4955-4866-B2AC-592D974CEAB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533406"/>
            <a:ext cx="11290300" cy="1268137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88aeafbf5b934bcb96ad7e8363b9e0f9_BackgroundRectangle">
            <a:extLst>
              <a:ext uri="{FF2B5EF4-FFF2-40B4-BE49-F238E27FC236}">
                <a16:creationId xmlns:a16="http://schemas.microsoft.com/office/drawing/2014/main" id="{C7998E2F-3984-4E88-9D41-CB4DDCE755F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766743"/>
            <a:ext cx="11290300" cy="767419"/>
          </a:xfrm>
          <a:prstGeom prst="rect">
            <a:avLst/>
          </a:prstGeom>
          <a:solidFill>
            <a:srgbClr val="21535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2A_262b62a4ee9744479a792f2630fd27f6_BackgroundRectangle">
            <a:extLst>
              <a:ext uri="{FF2B5EF4-FFF2-40B4-BE49-F238E27FC236}">
                <a16:creationId xmlns:a16="http://schemas.microsoft.com/office/drawing/2014/main" id="{3314A964-0168-4F6C-801E-C6983D5C29C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73625" y="3865043"/>
            <a:ext cx="10375900" cy="279400"/>
          </a:xfrm>
          <a:prstGeom prst="rect">
            <a:avLst/>
          </a:prstGeom>
          <a:solidFill>
            <a:srgbClr val="62457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ae611ad0df6a4367951587dbc458402b_BackgroundRectangle">
            <a:extLst>
              <a:ext uri="{FF2B5EF4-FFF2-40B4-BE49-F238E27FC236}">
                <a16:creationId xmlns:a16="http://schemas.microsoft.com/office/drawing/2014/main" id="{A088A1AD-77E6-4CB7-A3ED-5987AE42A8D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73625" y="4144443"/>
            <a:ext cx="10375900" cy="279400"/>
          </a:xfrm>
          <a:prstGeom prst="rect">
            <a:avLst/>
          </a:prstGeom>
          <a:solidFill>
            <a:srgbClr val="62457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207692733e684d5caeafcd9a6575635d_BackgroundRectangle">
            <a:extLst>
              <a:ext uri="{FF2B5EF4-FFF2-40B4-BE49-F238E27FC236}">
                <a16:creationId xmlns:a16="http://schemas.microsoft.com/office/drawing/2014/main" id="{5E454D40-2D36-4875-94AA-99D680AE530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73625" y="4423843"/>
            <a:ext cx="10375900" cy="279400"/>
          </a:xfrm>
          <a:prstGeom prst="rect">
            <a:avLst/>
          </a:prstGeom>
          <a:solidFill>
            <a:srgbClr val="62457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2" name="OTLSHAPE_SL2AL_00000000000000000000000000000000_ShapeBelow0">
            <a:extLst>
              <a:ext uri="{FF2B5EF4-FFF2-40B4-BE49-F238E27FC236}">
                <a16:creationId xmlns:a16="http://schemas.microsoft.com/office/drawing/2014/main" id="{FB34E2C4-DB62-4C32-B12E-4ADD6D00411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73626" y="4144443"/>
            <a:ext cx="1037390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SL2AL_00000000000000000000000000000000_ShapeBelow1">
            <a:extLst>
              <a:ext uri="{FF2B5EF4-FFF2-40B4-BE49-F238E27FC236}">
                <a16:creationId xmlns:a16="http://schemas.microsoft.com/office/drawing/2014/main" id="{783AC66A-25CD-4EA7-BA3D-013B7488424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73626" y="4423843"/>
            <a:ext cx="1037390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" name="OTLSHAPE_TB_00000000000000000000000000000000_ScaleContainer">
            <a:extLst>
              <a:ext uri="{FF2B5EF4-FFF2-40B4-BE49-F238E27FC236}">
                <a16:creationId xmlns:a16="http://schemas.microsoft.com/office/drawing/2014/main" id="{F7B7A840-06E5-4958-B4C6-64FC6040BA4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813073" y="1946158"/>
            <a:ext cx="9537700" cy="182880"/>
          </a:xfrm>
          <a:prstGeom prst="round2SameRect">
            <a:avLst/>
          </a:prstGeom>
          <a:solidFill>
            <a:srgbClr val="50565F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15b2043e84584734a4ca49759bd0647f_HeaderRectangle">
            <a:extLst>
              <a:ext uri="{FF2B5EF4-FFF2-40B4-BE49-F238E27FC236}">
                <a16:creationId xmlns:a16="http://schemas.microsoft.com/office/drawing/2014/main" id="{F37F72DC-BE90-41AB-AAF5-5714372A3CB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533406"/>
            <a:ext cx="1625600" cy="12681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3a856cfa45914aa4b383884cdcd8ccf5_HeaderRectangle">
            <a:extLst>
              <a:ext uri="{FF2B5EF4-FFF2-40B4-BE49-F238E27FC236}">
                <a16:creationId xmlns:a16="http://schemas.microsoft.com/office/drawing/2014/main" id="{B623CD91-56E9-4EAF-87D4-04E2726FE6C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865043"/>
            <a:ext cx="914400" cy="838200"/>
          </a:xfrm>
          <a:prstGeom prst="rect">
            <a:avLst/>
          </a:prstGeom>
          <a:solidFill>
            <a:srgbClr val="6245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88aeafbf5b934bcb96ad7e8363b9e0f9_HeaderRectangle">
            <a:extLst>
              <a:ext uri="{FF2B5EF4-FFF2-40B4-BE49-F238E27FC236}">
                <a16:creationId xmlns:a16="http://schemas.microsoft.com/office/drawing/2014/main" id="{A81B7D20-8895-4E5F-A4DC-7531A31BBED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766743"/>
            <a:ext cx="1625600" cy="767419"/>
          </a:xfrm>
          <a:prstGeom prst="rect">
            <a:avLst/>
          </a:prstGeom>
          <a:solidFill>
            <a:srgbClr val="21535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TB_00000000000000000000000000000000_MiddleScaleContainer">
            <a:extLst>
              <a:ext uri="{FF2B5EF4-FFF2-40B4-BE49-F238E27FC236}">
                <a16:creationId xmlns:a16="http://schemas.microsoft.com/office/drawing/2014/main" id="{4A84DCA8-4529-468C-B4E7-402B62AA03D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813073" y="2138182"/>
            <a:ext cx="9537700" cy="182880"/>
          </a:xfrm>
          <a:prstGeom prst="rect">
            <a:avLst/>
          </a:prstGeom>
          <a:solidFill>
            <a:srgbClr val="656E78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highlight>
                <a:srgbClr val="808080"/>
              </a:highlight>
            </a:endParaRPr>
          </a:p>
        </p:txBody>
      </p:sp>
      <p:sp>
        <p:nvSpPr>
          <p:cNvPr id="16" name="OTLSHAPE_SL2A_262b62a4ee9744479a792f2630fd27f6_HeaderRectangle">
            <a:extLst>
              <a:ext uri="{FF2B5EF4-FFF2-40B4-BE49-F238E27FC236}">
                <a16:creationId xmlns:a16="http://schemas.microsoft.com/office/drawing/2014/main" id="{E51C44F7-0F9C-4336-B157-0D05B1E3D9F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73625" y="3865043"/>
            <a:ext cx="723900" cy="279400"/>
          </a:xfrm>
          <a:prstGeom prst="rect">
            <a:avLst/>
          </a:prstGeom>
          <a:solidFill>
            <a:srgbClr val="62457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2A_ae611ad0df6a4367951587dbc458402b_HeaderRectangle">
            <a:extLst>
              <a:ext uri="{FF2B5EF4-FFF2-40B4-BE49-F238E27FC236}">
                <a16:creationId xmlns:a16="http://schemas.microsoft.com/office/drawing/2014/main" id="{A3D397FF-AE3F-4CB8-B698-15BA0219166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73625" y="4144443"/>
            <a:ext cx="723900" cy="279400"/>
          </a:xfrm>
          <a:prstGeom prst="rect">
            <a:avLst/>
          </a:prstGeom>
          <a:solidFill>
            <a:srgbClr val="62457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2A_207692733e684d5caeafcd9a6575635d_HeaderRectangle">
            <a:extLst>
              <a:ext uri="{FF2B5EF4-FFF2-40B4-BE49-F238E27FC236}">
                <a16:creationId xmlns:a16="http://schemas.microsoft.com/office/drawing/2014/main" id="{AD9AF854-5479-42D0-8893-991A79702C2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73625" y="4423843"/>
            <a:ext cx="723900" cy="279400"/>
          </a:xfrm>
          <a:prstGeom prst="rect">
            <a:avLst/>
          </a:prstGeom>
          <a:solidFill>
            <a:srgbClr val="62457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7" name="OTLSHAPE_G_00000000000000000000000000000000_ShapeBelow0">
            <a:extLst>
              <a:ext uri="{FF2B5EF4-FFF2-40B4-BE49-F238E27FC236}">
                <a16:creationId xmlns:a16="http://schemas.microsoft.com/office/drawing/2014/main" id="{7BB61DD7-A2AF-40FE-B341-C8DB0643821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768085" y="2330206"/>
            <a:ext cx="0" cy="32039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1">
            <a:extLst>
              <a:ext uri="{FF2B5EF4-FFF2-40B4-BE49-F238E27FC236}">
                <a16:creationId xmlns:a16="http://schemas.microsoft.com/office/drawing/2014/main" id="{8D7734F1-7B89-47E0-9C33-4DE28CF0F39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723096" y="2330206"/>
            <a:ext cx="0" cy="32039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2">
            <a:extLst>
              <a:ext uri="{FF2B5EF4-FFF2-40B4-BE49-F238E27FC236}">
                <a16:creationId xmlns:a16="http://schemas.microsoft.com/office/drawing/2014/main" id="{5CDBDED2-3B8E-4AA7-9EF0-5288C801641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678108" y="2330206"/>
            <a:ext cx="0" cy="32039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3">
            <a:extLst>
              <a:ext uri="{FF2B5EF4-FFF2-40B4-BE49-F238E27FC236}">
                <a16:creationId xmlns:a16="http://schemas.microsoft.com/office/drawing/2014/main" id="{C85AA76F-D641-4AA4-8C0C-34CD34E2DC3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633120" y="2330206"/>
            <a:ext cx="0" cy="32039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4">
            <a:extLst>
              <a:ext uri="{FF2B5EF4-FFF2-40B4-BE49-F238E27FC236}">
                <a16:creationId xmlns:a16="http://schemas.microsoft.com/office/drawing/2014/main" id="{E652EA0F-3ABD-4D7B-9490-AD8766C0333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603788" y="2330206"/>
            <a:ext cx="0" cy="32039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5">
            <a:extLst>
              <a:ext uri="{FF2B5EF4-FFF2-40B4-BE49-F238E27FC236}">
                <a16:creationId xmlns:a16="http://schemas.microsoft.com/office/drawing/2014/main" id="{322C950E-8A8C-4D54-B77F-C681A578EB8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527488" y="2330206"/>
            <a:ext cx="0" cy="32039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6">
            <a:extLst>
              <a:ext uri="{FF2B5EF4-FFF2-40B4-BE49-F238E27FC236}">
                <a16:creationId xmlns:a16="http://schemas.microsoft.com/office/drawing/2014/main" id="{2FED96E2-D5A4-453A-91D9-9363176D38B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482499" y="2330206"/>
            <a:ext cx="0" cy="32039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G_00000000000000000000000000000000_ShapeBelow7">
            <a:extLst>
              <a:ext uri="{FF2B5EF4-FFF2-40B4-BE49-F238E27FC236}">
                <a16:creationId xmlns:a16="http://schemas.microsoft.com/office/drawing/2014/main" id="{78406B2F-6FCC-4420-B5E8-7404B4654C1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437512" y="2330206"/>
            <a:ext cx="0" cy="32039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G_00000000000000000000000000000000_ShapeBelow8">
            <a:extLst>
              <a:ext uri="{FF2B5EF4-FFF2-40B4-BE49-F238E27FC236}">
                <a16:creationId xmlns:a16="http://schemas.microsoft.com/office/drawing/2014/main" id="{18731799-16FF-4DC2-9E61-2CD0072E15E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392523" y="2330206"/>
            <a:ext cx="0" cy="32039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SLT_05186affd938464ba730e703f975e131_Shape">
            <a:extLst>
              <a:ext uri="{FF2B5EF4-FFF2-40B4-BE49-F238E27FC236}">
                <a16:creationId xmlns:a16="http://schemas.microsoft.com/office/drawing/2014/main" id="{D4B5E2CD-5E16-4209-BA4D-E33FFFD78D1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10536" y="2767425"/>
            <a:ext cx="9652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T_7cd7388819294f14a577d9d578248ac8_Shape">
            <a:extLst>
              <a:ext uri="{FF2B5EF4-FFF2-40B4-BE49-F238E27FC236}">
                <a16:creationId xmlns:a16="http://schemas.microsoft.com/office/drawing/2014/main" id="{227D0A18-1AA4-4775-905B-F9E84183489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580214" y="3534843"/>
            <a:ext cx="15494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T_96fa1acccd104c30b424babf9db5aca3_Shape">
            <a:extLst>
              <a:ext uri="{FF2B5EF4-FFF2-40B4-BE49-F238E27FC236}">
                <a16:creationId xmlns:a16="http://schemas.microsoft.com/office/drawing/2014/main" id="{CBEC55A3-1DEF-46C6-AA69-28ADABB0A15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629161" y="2767425"/>
            <a:ext cx="15240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bb6ed1b74d83444a88ccb3c5110d63c4_Shape">
            <a:extLst>
              <a:ext uri="{FF2B5EF4-FFF2-40B4-BE49-F238E27FC236}">
                <a16:creationId xmlns:a16="http://schemas.microsoft.com/office/drawing/2014/main" id="{59685F03-8D5C-4D88-8B36-894BDF9374C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500773" y="4182543"/>
            <a:ext cx="1981200" cy="203200"/>
          </a:xfrm>
          <a:prstGeom prst="roundRect">
            <a:avLst/>
          </a:prstGeom>
          <a:solidFill>
            <a:srgbClr val="624574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SLT_9f9f0f23e6ed498bbc4e4ce1e742c8f6_Shape">
            <a:extLst>
              <a:ext uri="{FF2B5EF4-FFF2-40B4-BE49-F238E27FC236}">
                <a16:creationId xmlns:a16="http://schemas.microsoft.com/office/drawing/2014/main" id="{ADD7478D-198D-4C4B-92EC-349F9B6D144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480520" y="4461943"/>
            <a:ext cx="2374900" cy="203200"/>
          </a:xfrm>
          <a:prstGeom prst="homePlate">
            <a:avLst/>
          </a:prstGeom>
          <a:solidFill>
            <a:srgbClr val="62457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f99c2a079c734280b40656df7c254230_Shape">
            <a:extLst>
              <a:ext uri="{FF2B5EF4-FFF2-40B4-BE49-F238E27FC236}">
                <a16:creationId xmlns:a16="http://schemas.microsoft.com/office/drawing/2014/main" id="{1F486A4B-2621-4008-A198-D6FF1E32607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801376" y="3903143"/>
            <a:ext cx="1612900" cy="203200"/>
          </a:xfrm>
          <a:prstGeom prst="homePlate">
            <a:avLst/>
          </a:prstGeom>
          <a:solidFill>
            <a:srgbClr val="62457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T_251362f707fb4d2297fbb5a788354400_Shape">
            <a:extLst>
              <a:ext uri="{FF2B5EF4-FFF2-40B4-BE49-F238E27FC236}">
                <a16:creationId xmlns:a16="http://schemas.microsoft.com/office/drawing/2014/main" id="{A4A3B2A8-5785-45D9-97A6-02831CDCDEB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484108" y="5000762"/>
            <a:ext cx="1612900" cy="2032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T_dd1a52c4257f4b3c98451e6d3642b131_Shape">
            <a:extLst>
              <a:ext uri="{FF2B5EF4-FFF2-40B4-BE49-F238E27FC236}">
                <a16:creationId xmlns:a16="http://schemas.microsoft.com/office/drawing/2014/main" id="{8CF20C4B-803B-49D0-A310-2CC10088F5C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656694" y="5000762"/>
            <a:ext cx="1244600" cy="2032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SLT_e4d0bb436b91437d8b174ebfb71e4b11_Shape">
            <a:extLst>
              <a:ext uri="{FF2B5EF4-FFF2-40B4-BE49-F238E27FC236}">
                <a16:creationId xmlns:a16="http://schemas.microsoft.com/office/drawing/2014/main" id="{D3A1F9F0-ACB7-4B8A-AF62-0EFBD84C61A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656694" y="5292862"/>
            <a:ext cx="16002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T_05186affd938464ba730e703f975e131_ShapePercentage">
            <a:extLst>
              <a:ext uri="{FF2B5EF4-FFF2-40B4-BE49-F238E27FC236}">
                <a16:creationId xmlns:a16="http://schemas.microsoft.com/office/drawing/2014/main" id="{614C1770-F937-4BC7-A5D5-47C1A7DB99D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110536" y="2767425"/>
            <a:ext cx="9652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T_7cd7388819294f14a577d9d578248ac8_ShapePercentage">
            <a:extLst>
              <a:ext uri="{FF2B5EF4-FFF2-40B4-BE49-F238E27FC236}">
                <a16:creationId xmlns:a16="http://schemas.microsoft.com/office/drawing/2014/main" id="{FC7188F3-47F2-4612-BEBA-8F92E0AD111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580214" y="3534843"/>
            <a:ext cx="13208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T_96fa1acccd104c30b424babf9db5aca3_ShapePercentage">
            <a:extLst>
              <a:ext uri="{FF2B5EF4-FFF2-40B4-BE49-F238E27FC236}">
                <a16:creationId xmlns:a16="http://schemas.microsoft.com/office/drawing/2014/main" id="{5AC102EF-B349-49AE-85CA-C1722D1B758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629161" y="2767425"/>
            <a:ext cx="12192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M_82e5f23a3fe5421f98028f33b6201290_Shape">
            <a:extLst>
              <a:ext uri="{FF2B5EF4-FFF2-40B4-BE49-F238E27FC236}">
                <a16:creationId xmlns:a16="http://schemas.microsoft.com/office/drawing/2014/main" id="{68C47830-E5E6-4BAD-8B3C-AF44B95DE10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923884" y="3509443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T_bb6ed1b74d83444a88ccb3c5110d63c4_ShapePercentage">
            <a:extLst>
              <a:ext uri="{FF2B5EF4-FFF2-40B4-BE49-F238E27FC236}">
                <a16:creationId xmlns:a16="http://schemas.microsoft.com/office/drawing/2014/main" id="{90AB2DA6-D532-4F7A-9309-4A1F941DE97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500773" y="4182543"/>
            <a:ext cx="495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T_9f9f0f23e6ed498bbc4e4ce1e742c8f6_ShapePercentage">
            <a:extLst>
              <a:ext uri="{FF2B5EF4-FFF2-40B4-BE49-F238E27FC236}">
                <a16:creationId xmlns:a16="http://schemas.microsoft.com/office/drawing/2014/main" id="{A7E96689-AAAE-4EF6-95CA-31073F814FB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480520" y="4461943"/>
            <a:ext cx="20193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f99c2a079c734280b40656df7c254230_ShapePercentage">
            <a:extLst>
              <a:ext uri="{FF2B5EF4-FFF2-40B4-BE49-F238E27FC236}">
                <a16:creationId xmlns:a16="http://schemas.microsoft.com/office/drawing/2014/main" id="{DA23C7A0-298C-4B93-893F-3047A00CB33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801376" y="3903143"/>
            <a:ext cx="12192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251362f707fb4d2297fbb5a788354400_ShapePercentage">
            <a:extLst>
              <a:ext uri="{FF2B5EF4-FFF2-40B4-BE49-F238E27FC236}">
                <a16:creationId xmlns:a16="http://schemas.microsoft.com/office/drawing/2014/main" id="{63BC013B-A29B-4D1A-A675-A2C619F76B8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484108" y="5000762"/>
            <a:ext cx="10541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SLT_dd1a52c4257f4b3c98451e6d3642b131_ShapePercentage">
            <a:extLst>
              <a:ext uri="{FF2B5EF4-FFF2-40B4-BE49-F238E27FC236}">
                <a16:creationId xmlns:a16="http://schemas.microsoft.com/office/drawing/2014/main" id="{2FBC0384-F2CF-4E00-9AD7-02F8471EB9BA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656694" y="5000762"/>
            <a:ext cx="9398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SLT_e4d0bb436b91437d8b174ebfb71e4b11_ShapePercentage">
            <a:extLst>
              <a:ext uri="{FF2B5EF4-FFF2-40B4-BE49-F238E27FC236}">
                <a16:creationId xmlns:a16="http://schemas.microsoft.com/office/drawing/2014/main" id="{14C90846-6F80-4691-B5D8-1A25F3656DF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656694" y="5292862"/>
            <a:ext cx="128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M_04ee2530647843d9b0b8403f1a73f068_Shape">
            <a:extLst>
              <a:ext uri="{FF2B5EF4-FFF2-40B4-BE49-F238E27FC236}">
                <a16:creationId xmlns:a16="http://schemas.microsoft.com/office/drawing/2014/main" id="{33D3F3CA-7041-462F-A9C5-818C69785D7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076484" y="2742025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SLM_aadee960903f40bdb3efbacb2f40aca4_Shape">
            <a:extLst>
              <a:ext uri="{FF2B5EF4-FFF2-40B4-BE49-F238E27FC236}">
                <a16:creationId xmlns:a16="http://schemas.microsoft.com/office/drawing/2014/main" id="{588B2608-77FD-4342-B32E-5568202E54C2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119674" y="4975362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15b2043e84584734a4ca49759bd0647f_Header">
            <a:extLst>
              <a:ext uri="{FF2B5EF4-FFF2-40B4-BE49-F238E27FC236}">
                <a16:creationId xmlns:a16="http://schemas.microsoft.com/office/drawing/2014/main" id="{FC5A116A-4A2D-4AB0-8C1C-8A4DADFDF39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3074447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23" name="OTLSHAPE_SL_3a856cfa45914aa4b383884cdcd8ccf5_Header">
            <a:extLst>
              <a:ext uri="{FF2B5EF4-FFF2-40B4-BE49-F238E27FC236}">
                <a16:creationId xmlns:a16="http://schemas.microsoft.com/office/drawing/2014/main" id="{F2567587-0299-4F27-8840-5F01179828B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4191116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Execution</a:t>
            </a:r>
          </a:p>
        </p:txBody>
      </p:sp>
      <p:sp>
        <p:nvSpPr>
          <p:cNvPr id="26" name="OTLSHAPE_SL_88aeafbf5b934bcb96ad7e8363b9e0f9_Header">
            <a:extLst>
              <a:ext uri="{FF2B5EF4-FFF2-40B4-BE49-F238E27FC236}">
                <a16:creationId xmlns:a16="http://schemas.microsoft.com/office/drawing/2014/main" id="{F3BCBB17-6726-46C2-97C0-22C47468BB6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5057425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Closing</a:t>
            </a:r>
          </a:p>
        </p:txBody>
      </p:sp>
      <p:sp>
        <p:nvSpPr>
          <p:cNvPr id="17" name="OTLSHAPE_SL2A_262b62a4ee9744479a792f2630fd27f6_Header">
            <a:extLst>
              <a:ext uri="{FF2B5EF4-FFF2-40B4-BE49-F238E27FC236}">
                <a16:creationId xmlns:a16="http://schemas.microsoft.com/office/drawing/2014/main" id="{B91E3394-0189-4E96-A0D3-D8F07A0D551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37125" y="3919484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47" name="OTLSHAPE_SL2A_ae611ad0df6a4367951587dbc458402b_Header">
            <a:extLst>
              <a:ext uri="{FF2B5EF4-FFF2-40B4-BE49-F238E27FC236}">
                <a16:creationId xmlns:a16="http://schemas.microsoft.com/office/drawing/2014/main" id="{A0CA9D57-B8C0-413B-BFB6-4FC3D4E0B76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37125" y="4198884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50" name="OTLSHAPE_SL2A_207692733e684d5caeafcd9a6575635d_Header">
            <a:extLst>
              <a:ext uri="{FF2B5EF4-FFF2-40B4-BE49-F238E27FC236}">
                <a16:creationId xmlns:a16="http://schemas.microsoft.com/office/drawing/2014/main" id="{0FE1E286-A1D4-4A9C-BCCA-D577C5E0EF2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37125" y="4478284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8C10923-A137-42AE-9341-F62D912B4DD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876573" y="194457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22DB5E0-57A7-41D8-94B7-D20212069D2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301263" y="194457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4EF6463-290E-4E5C-86A3-03E83D58E73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741609" y="194457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237C090-D750-4D88-BD20-485240D3427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181954" y="194457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3B6A24D8-C523-47CC-97F5-DD714927BD3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590988" y="194457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81A90765-9FD3-49CF-B484-2C0678FFD44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015678" y="194457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43" name="OTLSHAPE_SLT_05186affd938464ba730e703f975e131_Title">
            <a:extLst>
              <a:ext uri="{FF2B5EF4-FFF2-40B4-BE49-F238E27FC236}">
                <a16:creationId xmlns:a16="http://schemas.microsoft.com/office/drawing/2014/main" id="{FCF7F3E8-EE8B-481D-900D-1E356611D06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160724" y="2783765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Effort planning</a:t>
            </a:r>
          </a:p>
        </p:txBody>
      </p:sp>
      <p:sp>
        <p:nvSpPr>
          <p:cNvPr id="60" name="OTLSHAPE_SLT_7cd7388819294f14a577d9d578248ac8_Title">
            <a:extLst>
              <a:ext uri="{FF2B5EF4-FFF2-40B4-BE49-F238E27FC236}">
                <a16:creationId xmlns:a16="http://schemas.microsoft.com/office/drawing/2014/main" id="{E4420185-0B76-4DDE-A40C-C19DDFF7BAF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818391" y="3551184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Resource planning</a:t>
            </a:r>
          </a:p>
        </p:txBody>
      </p:sp>
      <p:sp>
        <p:nvSpPr>
          <p:cNvPr id="76" name="OTLSHAPE_SLT_96fa1acccd104c30b424babf9db5aca3_Title">
            <a:extLst>
              <a:ext uri="{FF2B5EF4-FFF2-40B4-BE49-F238E27FC236}">
                <a16:creationId xmlns:a16="http://schemas.microsoft.com/office/drawing/2014/main" id="{2D67DFB0-5A56-481C-9131-EB75930413D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700496" y="2783765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Subcontractor selection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M_82e5f23a3fe5421f98028f33b6201290_Title">
            <a:extLst>
              <a:ext uri="{FF2B5EF4-FFF2-40B4-BE49-F238E27FC236}">
                <a16:creationId xmlns:a16="http://schemas.microsoft.com/office/drawing/2014/main" id="{0385C141-C6BB-4C7B-89F0-3EB49C84FE9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203284" y="3551184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ssessment meeting</a:t>
            </a:r>
          </a:p>
        </p:txBody>
      </p:sp>
      <p:sp>
        <p:nvSpPr>
          <p:cNvPr id="90" name="OTLSHAPE_SLT_bb6ed1b74d83444a88ccb3c5110d63c4_Title">
            <a:extLst>
              <a:ext uri="{FF2B5EF4-FFF2-40B4-BE49-F238E27FC236}">
                <a16:creationId xmlns:a16="http://schemas.microsoft.com/office/drawing/2014/main" id="{D05E48D8-C493-4592-9A43-BFA44C8757E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988060" y="4198884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Network building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9f9f0f23e6ed498bbc4e4ce1e742c8f6_Title">
            <a:extLst>
              <a:ext uri="{FF2B5EF4-FFF2-40B4-BE49-F238E27FC236}">
                <a16:creationId xmlns:a16="http://schemas.microsoft.com/office/drawing/2014/main" id="{587BC612-F830-4C8B-8658-23263091F39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932796" y="4478284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Installing and configuring</a:t>
            </a:r>
          </a:p>
        </p:txBody>
      </p:sp>
      <p:sp>
        <p:nvSpPr>
          <p:cNvPr id="117" name="OTLSHAPE_SLT_f99c2a079c734280b40656df7c254230_Title">
            <a:extLst>
              <a:ext uri="{FF2B5EF4-FFF2-40B4-BE49-F238E27FC236}">
                <a16:creationId xmlns:a16="http://schemas.microsoft.com/office/drawing/2014/main" id="{E5FA390A-B22E-442F-ADA3-102972A2104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898801" y="3919484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signing and deploying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251362f707fb4d2297fbb5a788354400_Title">
            <a:extLst>
              <a:ext uri="{FF2B5EF4-FFF2-40B4-BE49-F238E27FC236}">
                <a16:creationId xmlns:a16="http://schemas.microsoft.com/office/drawing/2014/main" id="{B5C6A89A-B99D-4681-9DE7-87004A962A6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688450" y="50171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Transfer deliverables</a:t>
            </a:r>
          </a:p>
        </p:txBody>
      </p:sp>
      <p:sp>
        <p:nvSpPr>
          <p:cNvPr id="166" name="OTLSHAPE_SLT_dd1a52c4257f4b3c98451e6d3642b131_Title">
            <a:extLst>
              <a:ext uri="{FF2B5EF4-FFF2-40B4-BE49-F238E27FC236}">
                <a16:creationId xmlns:a16="http://schemas.microsoft.com/office/drawing/2014/main" id="{7BD23B47-648C-4A14-8027-737532C99DF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757870" y="5017103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Release resources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SLT_e4d0bb436b91437d8b174ebfb71e4b11_Title">
            <a:extLst>
              <a:ext uri="{FF2B5EF4-FFF2-40B4-BE49-F238E27FC236}">
                <a16:creationId xmlns:a16="http://schemas.microsoft.com/office/drawing/2014/main" id="{6C00A653-0D12-4789-B463-964B71725F8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777914" y="5309203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Archive documentation</a:t>
            </a:r>
          </a:p>
        </p:txBody>
      </p:sp>
      <p:sp>
        <p:nvSpPr>
          <p:cNvPr id="179" name="OTLSHAPE_TB_00000000000000000000000000000000_MiddleTimescaleInterval1">
            <a:extLst>
              <a:ext uri="{FF2B5EF4-FFF2-40B4-BE49-F238E27FC236}">
                <a16:creationId xmlns:a16="http://schemas.microsoft.com/office/drawing/2014/main" id="{98B79512-2708-4D2E-928B-83356D3510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876573" y="2136594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80" name="OTLSHAPE_TB_00000000000000000000000000000000_MiddleTimescaleInterval2">
            <a:extLst>
              <a:ext uri="{FF2B5EF4-FFF2-40B4-BE49-F238E27FC236}">
                <a16:creationId xmlns:a16="http://schemas.microsoft.com/office/drawing/2014/main" id="{ADBAC103-D3AA-4E14-A2E6-9529F970B61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831585" y="2136594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81" name="OTLSHAPE_TB_00000000000000000000000000000000_MiddleTimescaleInterval3">
            <a:extLst>
              <a:ext uri="{FF2B5EF4-FFF2-40B4-BE49-F238E27FC236}">
                <a16:creationId xmlns:a16="http://schemas.microsoft.com/office/drawing/2014/main" id="{662652CE-4C97-4FA8-A865-F4C26ABDF26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786597" y="2136594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82" name="OTLSHAPE_TB_00000000000000000000000000000000_MiddleTimescaleInterval4">
            <a:extLst>
              <a:ext uri="{FF2B5EF4-FFF2-40B4-BE49-F238E27FC236}">
                <a16:creationId xmlns:a16="http://schemas.microsoft.com/office/drawing/2014/main" id="{A31F660A-4F08-4B84-8E42-62B4A64477C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741609" y="213659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83" name="OTLSHAPE_TB_00000000000000000000000000000000_MiddleTimescaleInterval5">
            <a:extLst>
              <a:ext uri="{FF2B5EF4-FFF2-40B4-BE49-F238E27FC236}">
                <a16:creationId xmlns:a16="http://schemas.microsoft.com/office/drawing/2014/main" id="{B5290BD6-BEF4-4DB6-836D-1841F61D248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696620" y="2136594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84" name="OTLSHAPE_TB_00000000000000000000000000000000_MiddleTimescaleInterval6">
            <a:extLst>
              <a:ext uri="{FF2B5EF4-FFF2-40B4-BE49-F238E27FC236}">
                <a16:creationId xmlns:a16="http://schemas.microsoft.com/office/drawing/2014/main" id="{633FC408-D646-45E7-9D46-3EAE729E02A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667288" y="2136594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85" name="OTLSHAPE_TB_00000000000000000000000000000000_MiddleTimescaleInterval7">
            <a:extLst>
              <a:ext uri="{FF2B5EF4-FFF2-40B4-BE49-F238E27FC236}">
                <a16:creationId xmlns:a16="http://schemas.microsoft.com/office/drawing/2014/main" id="{2383163C-20A2-47A6-B0A3-AA667282666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590988" y="2136594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86" name="OTLSHAPE_TB_00000000000000000000000000000000_MiddleTimescaleInterval8">
            <a:extLst>
              <a:ext uri="{FF2B5EF4-FFF2-40B4-BE49-F238E27FC236}">
                <a16:creationId xmlns:a16="http://schemas.microsoft.com/office/drawing/2014/main" id="{3B2C77B9-09E1-413C-B785-2C7E68C6882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545999" y="2136594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88" name="OTLSHAPE_TB_00000000000000000000000000000000_MiddleTimescaleInterval9">
            <a:extLst>
              <a:ext uri="{FF2B5EF4-FFF2-40B4-BE49-F238E27FC236}">
                <a16:creationId xmlns:a16="http://schemas.microsoft.com/office/drawing/2014/main" id="{DE05BC4B-E158-40BC-A68B-EF651CD46A7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01012" y="2136594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05" name="OTLSHAPE_SLM_04ee2530647843d9b0b8403f1a73f068_Title">
            <a:extLst>
              <a:ext uri="{FF2B5EF4-FFF2-40B4-BE49-F238E27FC236}">
                <a16:creationId xmlns:a16="http://schemas.microsoft.com/office/drawing/2014/main" id="{80C8C6C9-CF90-44DB-8ADF-901B8E26547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32157" y="257150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KPIs defined</a:t>
            </a:r>
          </a:p>
        </p:txBody>
      </p:sp>
      <p:sp>
        <p:nvSpPr>
          <p:cNvPr id="214" name="OTLSHAPE_SLM_aadee960903f40bdb3efbacb2f40aca4_Title">
            <a:extLst>
              <a:ext uri="{FF2B5EF4-FFF2-40B4-BE49-F238E27FC236}">
                <a16:creationId xmlns:a16="http://schemas.microsoft.com/office/drawing/2014/main" id="{AA3269F2-8564-40E4-B9E1-C56CC2D738B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657689" y="480484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firm completion</a:t>
            </a:r>
          </a:p>
        </p:txBody>
      </p:sp>
      <p:sp>
        <p:nvSpPr>
          <p:cNvPr id="121" name="OTLSHAPE_TB_00000000000000000000000000000000_TimescaleInterval7">
            <a:extLst>
              <a:ext uri="{FF2B5EF4-FFF2-40B4-BE49-F238E27FC236}">
                <a16:creationId xmlns:a16="http://schemas.microsoft.com/office/drawing/2014/main" id="{D24A07B7-7B1B-4243-80CE-E12851080A6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456023" y="194457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22" name="OTLSHAPE_TB_00000000000000000000000000000000_MiddleTimescaleInterval10">
            <a:extLst>
              <a:ext uri="{FF2B5EF4-FFF2-40B4-BE49-F238E27FC236}">
                <a16:creationId xmlns:a16="http://schemas.microsoft.com/office/drawing/2014/main" id="{49A3B810-BC38-46D3-9C04-F0361DD4B52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456023" y="213659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8" name="OTLSHAPE_M_13f4e59aaeaa44a4b2b3b1dbe0f2971c_Shape">
            <a:extLst>
              <a:ext uri="{FF2B5EF4-FFF2-40B4-BE49-F238E27FC236}">
                <a16:creationId xmlns:a16="http://schemas.microsoft.com/office/drawing/2014/main" id="{0702C615-F121-4021-A646-078EB18465F7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flipV="1">
            <a:off x="11201912" y="1755658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M_7c6ebc197b704e8b9c7144db10271d8c_Shape">
            <a:extLst>
              <a:ext uri="{FF2B5EF4-FFF2-40B4-BE49-F238E27FC236}">
                <a16:creationId xmlns:a16="http://schemas.microsoft.com/office/drawing/2014/main" id="{329DBA43-B21C-4D05-BC7B-815807E1CAAF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flipV="1">
            <a:off x="8211630" y="1755658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52e17d7405274ae1b991e20aa6db8118_Shape">
            <a:extLst>
              <a:ext uri="{FF2B5EF4-FFF2-40B4-BE49-F238E27FC236}">
                <a16:creationId xmlns:a16="http://schemas.microsoft.com/office/drawing/2014/main" id="{961D87D4-52B1-4B4D-BB4F-2EE87A624A71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flipV="1">
            <a:off x="5080443" y="1755658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M_a4a43bf1b71945bb8aca4b31517c9294_Shape">
            <a:extLst>
              <a:ext uri="{FF2B5EF4-FFF2-40B4-BE49-F238E27FC236}">
                <a16:creationId xmlns:a16="http://schemas.microsoft.com/office/drawing/2014/main" id="{D0D44D66-8AD9-4D3E-97AE-907342F3AC00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184096" y="1755658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SLA_3008a72382ee4d24b28185d03307da2c_Shape">
            <a:extLst>
              <a:ext uri="{FF2B5EF4-FFF2-40B4-BE49-F238E27FC236}">
                <a16:creationId xmlns:a16="http://schemas.microsoft.com/office/drawing/2014/main" id="{748B6584-6EF8-48A5-AD5E-62ADF7B4112F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3624442" y="3344343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a4a43bf1b71945bb8aca4b31517c9294_Title">
            <a:extLst>
              <a:ext uri="{FF2B5EF4-FFF2-40B4-BE49-F238E27FC236}">
                <a16:creationId xmlns:a16="http://schemas.microsoft.com/office/drawing/2014/main" id="{CA1A2DB0-04E2-4BC3-89E7-992F233149A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848816" y="155973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Kickoff meeting</a:t>
            </a:r>
          </a:p>
        </p:txBody>
      </p:sp>
      <p:sp>
        <p:nvSpPr>
          <p:cNvPr id="65" name="OTLSHAPE_M_13f4e59aaeaa44a4b2b3b1dbe0f2971c_Title">
            <a:extLst>
              <a:ext uri="{FF2B5EF4-FFF2-40B4-BE49-F238E27FC236}">
                <a16:creationId xmlns:a16="http://schemas.microsoft.com/office/drawing/2014/main" id="{65664B66-E01E-40AA-8669-24462EB9CF5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828024" y="1559739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assessment</a:t>
            </a:r>
          </a:p>
        </p:txBody>
      </p:sp>
      <p:sp>
        <p:nvSpPr>
          <p:cNvPr id="68" name="OTLSHAPE_M_7c6ebc197b704e8b9c7144db10271d8c_Title">
            <a:extLst>
              <a:ext uri="{FF2B5EF4-FFF2-40B4-BE49-F238E27FC236}">
                <a16:creationId xmlns:a16="http://schemas.microsoft.com/office/drawing/2014/main" id="{4C2E0FF4-8307-4E0B-A215-3DD570504F9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788423" y="1559739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rtial assessment</a:t>
            </a:r>
          </a:p>
        </p:txBody>
      </p:sp>
      <p:sp>
        <p:nvSpPr>
          <p:cNvPr id="191" name="OTLSHAPE_M_52e17d7405274ae1b991e20aa6db8118_Title">
            <a:extLst>
              <a:ext uri="{FF2B5EF4-FFF2-40B4-BE49-F238E27FC236}">
                <a16:creationId xmlns:a16="http://schemas.microsoft.com/office/drawing/2014/main" id="{4F3ACA23-F75B-433B-9D59-89BEFC3B21E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679102" y="155973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itial assessment</a:t>
            </a:r>
          </a:p>
        </p:txBody>
      </p:sp>
      <p:sp>
        <p:nvSpPr>
          <p:cNvPr id="197" name="OTLSHAPE_SLA_3008a72382ee4d24b28185d03307da2c_Title">
            <a:extLst>
              <a:ext uri="{FF2B5EF4-FFF2-40B4-BE49-F238E27FC236}">
                <a16:creationId xmlns:a16="http://schemas.microsoft.com/office/drawing/2014/main" id="{1D03FAE4-9C8B-45DF-95CB-760960F7D57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137354" y="314842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ning assessment</a:t>
            </a: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861BA757-1F7A-537D-0F65-0D95E33870F1}"/>
              </a:ext>
            </a:extLst>
          </p:cNvPr>
          <p:cNvSpPr txBox="1"/>
          <p:nvPr/>
        </p:nvSpPr>
        <p:spPr>
          <a:xfrm>
            <a:off x="1813073" y="457200"/>
            <a:ext cx="597535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Executive Roadmap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262340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IwVDAwOjAwOjAwWiIsIkVuZERhdGUiOiIyMDIyLTA2LTE5VDIzOjU5OjAwWiIsIlBlcmNlbnRhZ2VDb21wbGV0ZSI6MTAwLjAsIlN0eWxlIjp7IiRpZCI6IjciLCJTaGFwZSI6My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dHJ1ZSwiSXNJdGFsaWMiOmZhbHNlLCJJc1VuZGVybGluZWQiOmZhbHNlLCJQYXJlbnRTdHlsZSI6bnVsbH0sIkF1dG9TaXplIjowLCJGb3JlZ3JvdW5kIjp7IiRpZCI6IjQyIiwiQ29sb3IiOnsiJGlkIjoiNDM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ODksIlIiOjAsIkciOjAsIkIiOjB9fSwiSXNWaXNpYmxlIjp0cnVlLCJXaWR0aCI6MC4wLCJIZWlnaHQiOjAuMCwiQm9yZGVyU3R5bGUiOnsiJGlkIjoiNzMiLCJMaW5lQ29sb3IiOm51bGwsIkxpbmVXZWlnaHQiOjAuMCwiTGluZVR5cGUiOjAsIlBhcmVudFN0eWxlIjpudWxsfSwiUGFyZW50U3R5bGUiOm51bGx9LCJEdXJhdGlvbl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MCwiUiI6MjU1LCJHIjoyNTUsIkIiOjI1NX19LCJJc1Zpc2libGUiOnRydWUsIldpZHRoIjowLjAsIkhlaWdodCI6MC4wLCJCb3JkZXJTdHlsZSI6bnVsbCwiUGFyZW50U3R5bGUiOm51bGx9LCJEYXRl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aWQiOiIxNDQiLCJBIjowLCJSIjoyNTUsIkciOjI1NSwiQiI6MjU1fX0sIklzVmlzaWJsZSI6ZmFsc2UsIldpZHRoIjowLjAsIkhlaWdodCI6MC4wLCJCb3JkZXJTdHlsZSI6bnVsbCwiUGFyZW50U3R5bGUiOm51bGx9LCJEYXRlRm9ybWF0Ijp7IiRpZCI6IjE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VGl0bGVTdHlsZSI6eyIkaWQiOiIxNjIiLCJGb250U2V0dGluZ3MiOnsiJGlkIjoiMTYzIiwiRm9udFNpemUiOjExLCJGb250TmFtZSI6IkNhbGlicmkiLCJJc0JvbGQiOnRydWUsIklzSXRhbGljIjpmYWxzZSwiSXNVbmRlcmxpbmVkIjpmYWxzZSwiUGFyZW50U3R5bGUiOm51bGx9LCJBdXRvU2l6ZSI6MCwiRm9yZWdyb3VuZCI6eyIkaWQiOiIxNjQiLCJDb2xvciI6eyIkaWQiOiIxNj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zMyJ9LCJQYWRkaW5nIjp7IiRyZWYiOiIxMzQifSwiQmFja2dyb3VuZCI6eyIkaWQiOiIxNjYiLCJDb2xvciI6eyIkaWQiOiIxNjciLCJBIjowLCJSIjoyNTUsIkciOjI1NSwiQiI6MjU1fX0sIklzVmlzaWJsZSI6dHJ1ZSwiV2lkdGgiOjAuMCwiSGVpZ2h0IjowLjAsIkJvcmRlclN0eWxlIjp7IiRpZCI6IjE2OCIsIkxpbmVDb2xvciI6bnVsbCwiTGluZVdlaWdodCI6MC4wLCJMaW5lVHlwZSI6MCwiUGFyZW50U3R5bGUiOm51bGx9LCJQYXJlbnRTdHlsZSI6bnVsbH0sIkRhdGV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QxIn0sIlBhZGRpbmciOnsiJHJlZiI6IjE0MiJ9LCJCYWNrZ3JvdW5kIjp7IiRpZCI6IjE3MyIsIkNvbG9yIjp7IiRpZCI6IjE3NCIsIkEiOjAsIlIiOjI1NSwiRyI6MjU1LCJCIjoyNTV9fSwiSXNWaXNpYmxlIjpmYWxzZSwiV2lkdGgiOjAuMCwiSGVpZ2h0IjowLjAsIkJvcmRlclN0eWxlIjp7IiRpZCI6IjE3NSIsIkxpbmVDb2xvciI6bnVsbCwiTGluZVdlaWdodCI6MC4wLCJMaW5lVHlwZSI6MCwiUGFyZW50U3R5bGUiOm51bGx9LCJQYXJlbnRTdHlsZSI6bnVsbH0sIkRhdGVGb3JtYXQiOnsiJGlkIjoiMT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hbGlicmkiLCJJc0JvbGQiOmZhbHNlLCJJc0l0YWxpYyI6ZmFsc2UsIklzVW5kZXJsaW5lZCI6ZmFsc2UsIlBhcmVudFN0eWxlIjpudWxsfSwiQXV0b1NpemUiOjAsIkZvcmVncm91bmQiOnsiJGlkIjoiMjI1IiwiQ29sb3IiOnsiJGlkIjoiMj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AsIlIiOjI1NSwiRyI6MjU1LCJCIjoyNTV9fSwiSXNWaXNpYmxlIjp0cnVlLCJXaWR0aCI6MC4wLCJIZWlnaHQiOjAuMCwiQm9yZGVyU3R5bGUiOnsiJGlkIjoiMjMxIiwiTGluZUNvbG9yIjpudWxsLCJMaW5lV2VpZ2h0IjowLjAsIkxpbmVUeXBlIjowLCJQYXJlbnRTdHlsZSI6bnVsbH0sIlBhcmVudFN0eWxlIjpudWxsfSwiRGF0ZUZvcm1hdCI6eyIkaWQiOiIy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0MSJ9LCJQYWRkaW5nIjp7IiRyZWYiOiIxNDIifSwiQmFja2dyb3VuZCI6eyIkaWQiOiIyNTQiLCJDb2xvciI6eyIkaWQiOiIyNTUiLCJBIjowLCJSIjoyNTUsIkciOjI1NSwiQiI6MjU1fX0sIklzVmlzaWJsZSI6ZmFsc2UsIldpZHRoIjowLjAsIkhlaWdodCI6MC4wLCJCb3JkZXJTdHlsZSI6bnVsbCwiUGFyZW50U3R5bGUiOm51bGx9LCJEYXRlRm9ybWF0Ijp7IiRpZCI6IjI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GlkIjoiMzUyIiwiQ29sb3IiOnsiJGlkIjoiMzU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nsiJGlkIjoiMzU4IiwiTGluZUNvbG9yIjpudWxsLCJMaW5lV2VpZ2h0IjowLjAsIkxpbmVUeXBlIjowLCJQYXJlbnRTdHlsZSI6bnVsbH0sIlBhcmVudFN0eWxlIjpudWxsfSwiRHVyYXRpb25TdHlsZSI6eyIkaWQiOiIzNTkiLCJGb250U2V0dGluZ3MiOnsiJGlkIjoiMzYwIiwiRm9udFNpemUiOjEwLCJGb250TmFtZSI6IkNhbGlicmkiLCJJc0JvbGQiOmZhbHNlLCJJc0l0YWxpYyI6ZmFsc2UsIklzVW5kZXJsaW5lZCI6ZmFsc2UsIlBhcmVudFN0eWxlIjpudWxsfSwiQXV0b1NpemUiOjAsIkZvcmVncm91bmQiOnsiJGlkIjoiMzYxIiwiQ29sb3IiOnsiJGlkIjoiMz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zc0IiwiTWFyZ2luIjp7IiRpZCI6IjM3NSIsIlRvcCI6MC4wLCJMZWZ0Ijo0LjAsIlJpZ2h0Ijo0LjAsIkJvdHRvbSI6MC4wfSwiUGFkZGluZyI6eyIkaWQiOiIzNzYiLCJUb3AiOjAuMCwiTGVmdCI6MC4wLCJSaWdodCI6MC4wLCJCb3R0b20iOjAuMH0sIkJhY2tncm91bmQiOnsiJGlkIjoiMzc3IiwiQ29sb3IiOnsiJGlkIjoiMzc4IiwiQSI6MjU1LCJSIjo5OCwiRyI6NjksIkIiOjExNn1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udWxsfSwiVGl0bGVTdHlsZSI6eyIkaWQiOiIzODIiLCJGb250U2V0dGluZ3MiOnsiJGlkIjoiMzgzIiwiRm9udFNpemUiOjExLCJGb250TmFtZSI6IkNhbGlicmkiLCJJc0JvbGQiOnRydWUsIklzSXRhbGljIjpmYWxzZSwiSXNVbmRlcmxpbmVkIjpmYWxzZSwiUGFyZW50U3R5bGUiOm51bGx9LCJBdXRvU2l6ZSI6MCwiRm9yZWdyb3VuZCI6eyIkaWQiOiIzODQiLCJDb2xvciI6eyIkaWQiOiIzOD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UiLCJUb3AiOjAuMCwiTGVmdCI6MC4wLCJSaWdodCI6MC4wLCJCb3R0b20iOjAuMH0sIlBhZGRpbmciOnsiJGlkIjoiMzk2IiwiVG9wIjowLjAsIkxlZnQiOjAuMCwiUmlnaHQiOjAuMCwiQm90dG9tIjowLjB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UZvcm1hdCI6eyIkaWQiOiI0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m51bGx9LCJEYXRlU3R5bGUiOnsiJGlkIjoiNDgwIiwiRm9udFNldHRpbmdzIjp7IiRpZCI6IjQ4MSIsIkZvbnRTaXplIjoxMCwiRm9udE5hbWUiOiJDYWxpYnJpIiwiSXNCb2xkIjpmYWxzZSwiSXNJdGFsaWMiOmZhbHNlLCJJc1VuZGVybGluZWQiOmZhbHNlLCJQYXJlbnRTdHlsZSI6bnVsbH0sIkF1dG9TaXplIjowLCJGb3JlZ3JvdW5kIjp7IiRpZCI6IjQ4MiIsIkNvbG9yIjp7IiRpZCI6IjQ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U3R5bGUiOnsiJGlkIjoiNTY5IiwiRm9udFNldHRpbmdzIjp7IiRpZCI6IjU3MCIsIkZvbnRTaXplIjoxMCwiRm9udE5hbWUiOiJDYWxpYnJpIiwiSXNCb2xkIjpmYWxzZSwiSXNJdGFsaWMiOmZhbHNlLCJJc1VuZGVybGluZWQiOmZhbHNlLCJQYXJlbnRTdHlsZSI6bnVsbH0sIkF1dG9TaXplIjowLCJGb3JlZ3JvdW5kIjp7IiRpZCI6IjU3MSIsIkNvbG9yIjp7IiRpZCI6IjU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Y3MSIsIk1hcmdpbiI6eyIkaWQiOiI2NzIiLCJUb3AiOjAuMCwiTGVmdCI6NC4wLCJSaWdodCI6NC4wLCJCb3R0b20iOjAuMH0sIlBhZGRpbmciOnsiJGlkIjoiNjczIiwiVG9wIjowLjAsIkxlZnQiOjAuMCwiUmlnaHQiOjAuMCwiQm90dG9tIjowLjB9LCJCYWNrZ3JvdW5kIjp7IiRpZCI6IjY3NCIsIkNvbG9yIjp7IiRpZCI6IjY3NSIsIkEiOjI1NSwiUiI6NjgsIkciOjg0LCJCIjoxMDZ9fSwiSXNWaXNpYmxlIjp0cnVlLCJXaWR0aCI6MC4wLCJIZWlnaHQiOjE2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lRpdGxlU3R5bGUiOnsiJGlkIjoiNjc5IiwiRm9udFNldHRpbmdzIjp7IiRpZCI6IjY4MCIsIkZvbnRTaXplIjoxMSwiRm9udE5hbWUiOiJDYWxpYnJpIiwiSXNCb2xkIjp0cnVlLCJJc0l0YWxpYyI6ZmFsc2UsIklzVW5kZXJsaW5lZCI6ZmFsc2UsIlBhcmVudFN0eWxlIjpudWxsfSwiQXV0b1NpemUiOjAsIkZvcmVncm91bmQiOnsiJGlkIjoiNjgxIiwiQ29sb3IiOnsiJGlkIjoiNjg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bnVsbH0sIkRhdGVGb3JtYXQiOnsiJGlkIjoiNj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zMyJ9LCJQYWRkaW5nIjp7IiRyZWYiOiIxMzQifSwiQmFja2dyb3VuZCI6eyIkaWQiOiI3NzAiLCJDb2xvciI6eyIkaWQiOiI3NzEiLCJBIjowLCJSIjoyNTUsIkciOjI1NSwiQiI6MjU1fX0sIklzVmlzaWJsZSI6dHJ1ZSwiV2lkdGgiOjAuMCwiSGVpZ2h0IjowLjAsIkJvcmRlclN0eWxlIjpudWxs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GlkIjoiNz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QxIn0sIlBhZGRpbmciOnsiJHJlZiI6IjE0MiJ9LCJCYWNrZ3JvdW5kIjp7IiRpZCI6Ijc3NiIsIkNvbG9yIjp7IiRpZCI6Ijc3NyIsIkEiOjAsIlIiOjI1NSwiRyI6MjU1LCJCIjoyNTV9fSwiSXNWaXNpYmxlIjpmYWxzZSwiV2lkdGgiOjAuMCwiSGVpZ2h0IjowLjAsIkJvcmRlclN0eWxlIjpudWxsLCJQYXJlbnRTdHlsZSI6bnVsbH0sIkRhdGVGb3JtYXQiOnsiJGlkIjoiN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DEifSwiUGFkZGluZyI6eyIkcmVmIjoiMTQyIn0sIkJhY2tncm91bmQiOnsiJGlkIjoiOTk2IiwiQ29sb3IiOnsiJHJlZiI6IjkyOSJ9fSwiSXNWaXNpYmxlIjp0cnVlLCJXaWR0aCI6MC4wLCJIZWlnaHQiOjAuMCwiQm9yZGVyU3R5bGUiOm51bGwsIlBhcmVudFN0eWxlIjpudWxsfSwiRGF0ZUZvcm1hdCI6eyIkaWQiOiI5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wMDQiLCJUb3AiOjAuMCwiTGVmdCI6MC4wLCJSaWdodCI6MC4wLCJCb3R0b20iOjAuMH0sIlBhZGRpbmciOnsiJGlkIjoiMTAwNSIsIlRvcCI6MC4wLCJMZWZ0IjowLjAsIlJpZ2h0IjowLjAsIkJvdHRvbSI6MC4wfSwiQmFja2dyb3VuZCI6eyIkaWQiOiIxMDA2IiwiQ29sb3IiOnsiJHJlZiI6IjkyOSJ9fSwiSXNWaXNpYmxlIjp0cnVlLCJXaWR0aCI6MC4wLCJIZWlnaHQiOjAuMCwiQm9yZGVyU3R5bGUiOm51bGwsIlBhcmVudFN0eWxlIjpudWxsfSwiRHVyYXRpb25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yZWYiOiI5MjkifX0sIklzVmlzaWJsZSI6dHJ1ZSwiV2lkdGgiOjAuMCwiSGVpZ2h0IjowLjAsIkJvcmRlclN0eWxlIjpudWxsLCJQYXJlbnRTdHlsZSI6bnVsbH0sIkRhdGVGb3JtYXQiOnsiJGlkIjoiMTA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zIiwiRm9ybWF0IjowLCJJc1Zpc2libGUiOmZhbHNlLCJMYXN0S25vd25WaXNpYmlsaXR5U3RhdGUiOmZhbHNlfSwiSXNWaXNpYmxlIjp0cnVlLCJQYXJlbnRTdHlsZSI6bnVsbCwiX2V4cGxpY2l0bHlTZXQiOnsiJGlkIjoiMTA0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DEifSwiUGFkZGluZyI6eyIkcmVmIjoiMTQyIn0sIkJhY2tncm91bmQiOnsiJGlkIjoiMTA4OSIsIkNvbG9yIjp7IiRpZCI6IjEwOTAiLCJBIjowLCJSIjoyNTUsIkciOjI1NSwiQiI6MjU1fX0sIklzVmlzaWJsZSI6ZmFsc2UsIldpZHRoIjowLjAsIkhlaWdodCI6MC4wLCJCb3JkZXJTdHlsZSI6eyIkaWQiOiIxMDkxIiwiTGluZUNvbG9yIjpudWxsLCJMaW5lV2VpZ2h0IjowLjAsIkxpbmVUeXBlIjowLCJQYXJlbnRTdHlsZSI6bnVsbH0sIlBhcmVudFN0eWxlIjpudWxsfSwiRGF0ZUZvcm1hdCI6eyIkaWQiOiIxMD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QxIn0sIlBhZGRpbmciOnsiJHJlZiI6IjE0MiJ9LCJCYWNrZ3JvdW5kIjp7IiRpZCI6IjExMTkiLCJDb2xvciI6eyIkaWQiOiIxMTIwIiwiQSI6MCwiUiI6MjU1LCJHIjoyNTUsIkIiOjI1NX19LCJJc1Zpc2libGUiOmZhbHNlLCJXaWR0aCI6MC4wLCJIZWlnaHQiOjAuMCwiQm9yZGVyU3R5bGUiOnsiJGlkIjoiMTEyMSIsIkxpbmVDb2xvciI6bnVsbCwiTGluZVdlaWdodCI6MC4wLCJMaW5lVHlwZSI6MCwiUGFyZW50U3R5bGUiOm51bGx9LCJQYXJlbnRTdHlsZSI6bnVsbH0sIkRhdGVGb3JtYXQiOnsiJGlkIjoiMTE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DEifSwiUGFkZGluZyI6eyIkcmVmIjoiMTQyIn0sIkJhY2tncm91bmQiOnsiJGlkIjoiMTE0OSIsIkNvbG9yIjp7IiRpZCI6IjExNTAiLCJBIjowLCJSIjoyNTUsIkciOjI1NSwiQiI6MjU1fX0sIklzVmlzaWJsZSI6ZmFsc2UsIldpZHRoIjowLjAsIkhlaWdodCI6MC4wLCJCb3JkZXJTdHlsZSI6eyIkaWQiOiIxMTUxIiwiTGluZUNvbG9yIjpudWxsLCJMaW5lV2VpZ2h0IjowLjAsIkxpbmVUeXBlIjowLCJQYXJlbnRTdHlsZSI6bnVsbH0sIlBhcmVudFN0eWxlIjpudWxsfSwiRGF0ZUZvcm1hdCI6eyIkaWQiOiIxMT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QxIn0sIlBhZGRpbmciOnsiJHJlZiI6IjE0MiJ9LCJCYWNrZ3JvdW5kIjp7IiRpZCI6IjExNzkiLCJDb2xvciI6eyIkaWQiOiIxMTgwIiwiQSI6MCwiUiI6MjU1LCJHIjoyNTUsIkIiOjI1NX19LCJJc1Zpc2libGUiOmZhbHNlLCJXaWR0aCI6MC4wLCJIZWlnaHQiOjAuMCwiQm9yZGVyU3R5bGUiOnsiJGlkIjoiMTE4MSIsIkxpbmVDb2xvciI6bnVsbCwiTGluZVdlaWdodCI6MC4wLCJMaW5lVHlwZSI6MCwiUGFyZW50U3R5bGUiOm51bGx9LCJQYXJlbnRTdHlsZSI6bnVsbH0sIkRhdGVGb3JtYXQiOnsiJGlkIjoiMTE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ExODgiLCJJbXBhT3B0aW9ucyI6eyIkaWQiOiIxMTg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E5MC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THREEDEFFECTS" val="None"/>
  <p:tag name="OTLTIMEBANDRESERVEDLEFTAREAISSET" val="True"/>
  <p:tag name="OTLLEFTENDCAPSMARGINLEFT" val="96.2683374283374"/>
  <p:tag name="OTLTIMEBANDRESERVEDLEFTAREAWIDTH" val="56.0982800982801"/>
  <p:tag name="OTLTIMEBANDENDDATE" val="2023-11-28T23:59:00.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0T00:00:00.0000000Z"/>
  <p:tag name="OTLENDDATE" val="2022-06-19T23:59:00.0000000Z"/>
  <p:tag name="OTLPERCENTAGE" val="100"/>
  <p:tag name="OTLDURATIONFORMAT" val="day"/>
  <p:tag name="OTLSPACING" val="5"/>
  <p:tag name="OTLSHAPETHICKNESSTYPE" val="Regular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0T00:00:00.0000000Z"/>
  <p:tag name="OTLENDDATE" val="2022-08-26T09:58:00.0000000"/>
  <p:tag name="OTLPERCENTAGE" val="85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26T00:00:00.0000000"/>
  <p:tag name="OTLENDDATE" val="2022-10-30T13:53:00.0000000"/>
  <p:tag name="OTLPERCENTAGE" val="80"/>
  <p:tag name="OTLDURATIONFORMAT" val="day"/>
  <p:tag name="OTLSPACING" val="5"/>
  <p:tag name="OTLSHAPETHICKNESSTYPE" val="Regular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5"/>
  <p:tag name="OTLDURATIONFORMAT" val="day"/>
  <p:tag name="OTLSPACING" val="5"/>
  <p:tag name="OTLSHAPETHICKNESSTYPE" val="Regular"/>
  <p:tag name="OTLENDDATE" val="2023-03-28T23:59:00.0000000"/>
  <p:tag name="OTLSTARTDATE" val="2022-11-22T13:07:00.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9T00:00:00.0000000"/>
  <p:tag name="OTLENDDATE" val="2023-08-26T23:59:00.0000000"/>
  <p:tag name="OTLPERCENTAGE" val="85"/>
  <p:tag name="OTLDURATIONFORMAT" val="day"/>
  <p:tag name="OTLSPACING" val="5"/>
  <p:tag name="OTLSHAPETHICKNESSTYPE" val="Regular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6T00:00:00.0000000"/>
  <p:tag name="OTLENDDATE" val="2022-11-16T23:59:00.0000000"/>
  <p:tag name="OTLPERCENTAGE" val="75"/>
  <p:tag name="OTLDURATIONFORMAT" val="day"/>
  <p:tag name="OTLSPACING" val="5"/>
  <p:tag name="OTLSHAPETHICKNESSTYPE" val="Regular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9T05:30:00.0000000"/>
  <p:tag name="OTLENDDATE" val="2023-07-09T23:59:00.0000000"/>
  <p:tag name="OTLPERCENTAGE" val="65"/>
  <p:tag name="OTLDURATIONFORMAT" val="day"/>
  <p:tag name="OTLSPACING" val="5"/>
  <p:tag name="OTLSHAPETHICKNESSTYPE" val="Regular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15T00:00:00.0000000"/>
  <p:tag name="OTLENDDATE" val="2023-11-01T23:59:00.0000000"/>
  <p:tag name="OTLPERCENTAGE" val="75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80"/>
  <p:tag name="OTLDURATIONFORMAT" val="day"/>
  <p:tag name="OTLSPACING" val="5"/>
  <p:tag name="OTLSHAPETHICKNESSTYPE" val="Regular"/>
  <p:tag name="OTLSTARTDATE" val="2023-08-15T00:00:00.0000000"/>
  <p:tag name="OTLENDDATE" val="2023-11-24T23:59:00.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10-23T23:59:00.0000000"/>
  <p:tag name="OTLMTITLE" val="Assessment meeting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PIs defined"/>
  <p:tag name="OTLDATE" val="2022-06-27T23:59:00.0000000"/>
  <p:tag name="OTLPOSITIONONTASK" val="None"/>
  <p:tag name="OTLRELATEDTASKID" val="00000000-0000-0000-0000-00000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7-18T23:59:00.0000000"/>
  <p:tag name="OTLMTITLE" val="Confirm completion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11-28T23:59:00.0000000"/>
  <p:tag name="OTLMTITLE" val="Final assessment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5-21T23:59:00.0000000"/>
  <p:tag name="OTLPOSITIONONTASK" val="None"/>
  <p:tag name="OTLRELATEDTASKID" val="00000000-0000-0000-0000-000000000000"/>
  <p:tag name="OTLMTITLE" val="Partial assessment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1-02T23:59:00.0000000"/>
  <p:tag name="OTLPOSITIONONTASK" val="None"/>
  <p:tag name="OTLRELATEDTASKID" val="00000000-0000-0000-0000-000000000000"/>
  <p:tag name="OTLMTITLE" val="Initial assessment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5-01T23:59:00.0000000"/>
  <p:tag name="OTLPOSITIONONTASK" val="None"/>
  <p:tag name="OTLRELATEDTASKID" val="00000000-0000-0000-0000-000000000000"/>
  <p:tag name="OTLMARKERSHAPE" val="OTL"/>
  <p:tag name="OTLMTITLE" val="Kickoff meeting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8-01T23:59:00.0000000"/>
  <p:tag name="OTLPOSITIONONTASK" val="Above"/>
  <p:tag name="OTLRELATEDTASKID" val="7cd73888-1929-4f14-a577-d9d578248ac8"/>
  <p:tag name="OTLMTITLE" val="Planning assessment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THREEDEFFECTS" val="None"/>
  <p:tag name="OTLTIMEBANDRESERVEDLEFTAREAISSET" val="True"/>
  <p:tag name="OTLLEFTENDCAPSMARGINLEFT" val="96.2683374283374"/>
  <p:tag name="OTLTIMEBANDRESERVEDLEFTAREAWIDTH" val="56.0982800982801"/>
  <p:tag name="OTLTIMEBANDENDDATE" val="2023-11-28T23:59:00.0000000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4</Words>
  <Application>Microsoft Office PowerPoint</Application>
  <PresentationFormat>Widescreen</PresentationFormat>
  <Paragraphs>5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25T09:50:04Z</dcterms:created>
  <dcterms:modified xsi:type="dcterms:W3CDTF">2022-06-28T12:51:47Z</dcterms:modified>
</cp:coreProperties>
</file>